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19"/>
  </p:sldMasterIdLst>
  <p:notesMasterIdLst>
    <p:notesMasterId r:id="rId30"/>
  </p:notesMasterIdLst>
  <p:handoutMasterIdLst>
    <p:handoutMasterId r:id="rId31"/>
  </p:handoutMasterIdLst>
  <p:sldIdLst>
    <p:sldId id="270" r:id="rId20"/>
    <p:sldId id="294" r:id="rId21"/>
    <p:sldId id="292" r:id="rId22"/>
    <p:sldId id="293" r:id="rId23"/>
    <p:sldId id="295" r:id="rId24"/>
    <p:sldId id="277" r:id="rId25"/>
    <p:sldId id="296" r:id="rId26"/>
    <p:sldId id="297" r:id="rId27"/>
    <p:sldId id="298" r:id="rId28"/>
    <p:sldId id="299" r:id="rId29"/>
  </p:sldIdLst>
  <p:sldSz cx="12190413" cy="6858000"/>
  <p:notesSz cx="6797675" cy="9926638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1DF5A77-402B-4032-BD02-B63BA27B0614}" v="191" dt="2024-08-26T22:05:40.231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800" autoAdjust="0"/>
    <p:restoredTop sz="96098" autoAdjust="0"/>
  </p:normalViewPr>
  <p:slideViewPr>
    <p:cSldViewPr showGuides="1">
      <p:cViewPr varScale="1">
        <p:scale>
          <a:sx n="84" d="100"/>
          <a:sy n="84" d="100"/>
        </p:scale>
        <p:origin x="53" y="429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7.xml"/><Relationship Id="rId21" Type="http://schemas.openxmlformats.org/officeDocument/2006/relationships/slide" Target="slides/slide2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6.xml"/><Relationship Id="rId33" Type="http://schemas.openxmlformats.org/officeDocument/2006/relationships/presProps" Target="presProps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1.xml"/><Relationship Id="rId29" Type="http://schemas.openxmlformats.org/officeDocument/2006/relationships/slide" Target="slides/slide1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5.xml"/><Relationship Id="rId32" Type="http://schemas.openxmlformats.org/officeDocument/2006/relationships/tags" Target="tags/tag1.xml"/><Relationship Id="rId37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4.xml"/><Relationship Id="rId28" Type="http://schemas.openxmlformats.org/officeDocument/2006/relationships/slide" Target="slides/slide9.xml"/><Relationship Id="rId36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Master" Target="slideMasters/slideMaster1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3.xml"/><Relationship Id="rId27" Type="http://schemas.openxmlformats.org/officeDocument/2006/relationships/slide" Target="slides/slide8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Niels Erik Wegge" userId="045046d8-83fa-49de-89fc-654575d89d60" providerId="ADAL" clId="{C1DF5A77-402B-4032-BD02-B63BA27B0614}"/>
    <pc:docChg chg="undo redo custSel addSld delSld modSld sldOrd modMainMaster">
      <pc:chgData name="Niels Erik Wegge" userId="045046d8-83fa-49de-89fc-654575d89d60" providerId="ADAL" clId="{C1DF5A77-402B-4032-BD02-B63BA27B0614}" dt="2024-08-26T22:10:07.777" v="3425" actId="20577"/>
      <pc:docMkLst>
        <pc:docMk/>
      </pc:docMkLst>
      <pc:sldChg chg="del">
        <pc:chgData name="Niels Erik Wegge" userId="045046d8-83fa-49de-89fc-654575d89d60" providerId="ADAL" clId="{C1DF5A77-402B-4032-BD02-B63BA27B0614}" dt="2024-08-26T21:32:13.956" v="2570" actId="47"/>
        <pc:sldMkLst>
          <pc:docMk/>
          <pc:sldMk cId="3705566069" sldId="264"/>
        </pc:sldMkLst>
      </pc:sldChg>
      <pc:sldChg chg="del">
        <pc:chgData name="Niels Erik Wegge" userId="045046d8-83fa-49de-89fc-654575d89d60" providerId="ADAL" clId="{C1DF5A77-402B-4032-BD02-B63BA27B0614}" dt="2024-08-26T21:33:43.517" v="2587" actId="47"/>
        <pc:sldMkLst>
          <pc:docMk/>
          <pc:sldMk cId="2721156504" sldId="266"/>
        </pc:sldMkLst>
      </pc:sldChg>
      <pc:sldChg chg="addSp delSp modSp mod ord modTransition">
        <pc:chgData name="Niels Erik Wegge" userId="045046d8-83fa-49de-89fc-654575d89d60" providerId="ADAL" clId="{C1DF5A77-402B-4032-BD02-B63BA27B0614}" dt="2024-08-26T22:00:23.430" v="3315" actId="113"/>
        <pc:sldMkLst>
          <pc:docMk/>
          <pc:sldMk cId="377358678" sldId="269"/>
        </pc:sldMkLst>
        <pc:spChg chg="add mod">
          <ac:chgData name="Niels Erik Wegge" userId="045046d8-83fa-49de-89fc-654575d89d60" providerId="ADAL" clId="{C1DF5A77-402B-4032-BD02-B63BA27B0614}" dt="2024-08-26T22:00:23.430" v="3315" actId="113"/>
          <ac:spMkLst>
            <pc:docMk/>
            <pc:sldMk cId="377358678" sldId="269"/>
            <ac:spMk id="5" creationId="{3469AB34-28EF-C6F4-7B92-CE1F06164A0E}"/>
          </ac:spMkLst>
        </pc:spChg>
        <pc:spChg chg="mod">
          <ac:chgData name="Niels Erik Wegge" userId="045046d8-83fa-49de-89fc-654575d89d60" providerId="ADAL" clId="{C1DF5A77-402B-4032-BD02-B63BA27B0614}" dt="2024-08-26T21:58:19.888" v="3264" actId="14100"/>
          <ac:spMkLst>
            <pc:docMk/>
            <pc:sldMk cId="377358678" sldId="269"/>
            <ac:spMk id="7" creationId="{00000000-0000-0000-0000-000000000000}"/>
          </ac:spMkLst>
        </pc:spChg>
        <pc:spChg chg="mod">
          <ac:chgData name="Niels Erik Wegge" userId="045046d8-83fa-49de-89fc-654575d89d60" providerId="ADAL" clId="{C1DF5A77-402B-4032-BD02-B63BA27B0614}" dt="2024-08-26T21:58:30.620" v="3277" actId="20577"/>
          <ac:spMkLst>
            <pc:docMk/>
            <pc:sldMk cId="377358678" sldId="269"/>
            <ac:spMk id="9" creationId="{69CCB404-2964-7726-2BE2-D2694D94783C}"/>
          </ac:spMkLst>
        </pc:spChg>
        <pc:spChg chg="del mod">
          <ac:chgData name="Niels Erik Wegge" userId="045046d8-83fa-49de-89fc-654575d89d60" providerId="ADAL" clId="{C1DF5A77-402B-4032-BD02-B63BA27B0614}" dt="2024-08-26T21:59:25.071" v="3294" actId="478"/>
          <ac:spMkLst>
            <pc:docMk/>
            <pc:sldMk cId="377358678" sldId="269"/>
            <ac:spMk id="11" creationId="{00000000-0000-0000-0000-000000000000}"/>
          </ac:spMkLst>
        </pc:spChg>
        <pc:picChg chg="mod">
          <ac:chgData name="Niels Erik Wegge" userId="045046d8-83fa-49de-89fc-654575d89d60" providerId="ADAL" clId="{C1DF5A77-402B-4032-BD02-B63BA27B0614}" dt="2024-08-26T21:59:00.917" v="3289" actId="1035"/>
          <ac:picMkLst>
            <pc:docMk/>
            <pc:sldMk cId="377358678" sldId="269"/>
            <ac:picMk id="2" creationId="{00000000-0000-0000-0000-000000000000}"/>
          </ac:picMkLst>
        </pc:picChg>
        <pc:picChg chg="mod">
          <ac:chgData name="Niels Erik Wegge" userId="045046d8-83fa-49de-89fc-654575d89d60" providerId="ADAL" clId="{C1DF5A77-402B-4032-BD02-B63BA27B0614}" dt="2024-08-26T21:59:00.917" v="3289" actId="1035"/>
          <ac:picMkLst>
            <pc:docMk/>
            <pc:sldMk cId="377358678" sldId="269"/>
            <ac:picMk id="3" creationId="{00000000-0000-0000-0000-000000000000}"/>
          </ac:picMkLst>
        </pc:picChg>
        <pc:picChg chg="mod">
          <ac:chgData name="Niels Erik Wegge" userId="045046d8-83fa-49de-89fc-654575d89d60" providerId="ADAL" clId="{C1DF5A77-402B-4032-BD02-B63BA27B0614}" dt="2024-08-26T21:59:00.917" v="3289" actId="1035"/>
          <ac:picMkLst>
            <pc:docMk/>
            <pc:sldMk cId="377358678" sldId="269"/>
            <ac:picMk id="4" creationId="{00000000-0000-0000-0000-000000000000}"/>
          </ac:picMkLst>
        </pc:picChg>
        <pc:picChg chg="mod">
          <ac:chgData name="Niels Erik Wegge" userId="045046d8-83fa-49de-89fc-654575d89d60" providerId="ADAL" clId="{C1DF5A77-402B-4032-BD02-B63BA27B0614}" dt="2024-08-26T21:59:00.917" v="3289" actId="1035"/>
          <ac:picMkLst>
            <pc:docMk/>
            <pc:sldMk cId="377358678" sldId="269"/>
            <ac:picMk id="8" creationId="{0F6EAA83-D6D9-C3E1-E5D5-1BE1EC38B30B}"/>
          </ac:picMkLst>
        </pc:picChg>
      </pc:sldChg>
      <pc:sldChg chg="addSp delSp modSp mod ord modTransition">
        <pc:chgData name="Niels Erik Wegge" userId="045046d8-83fa-49de-89fc-654575d89d60" providerId="ADAL" clId="{C1DF5A77-402B-4032-BD02-B63BA27B0614}" dt="2024-08-26T22:00:38.118" v="3332" actId="20577"/>
        <pc:sldMkLst>
          <pc:docMk/>
          <pc:sldMk cId="1478644402" sldId="270"/>
        </pc:sldMkLst>
        <pc:spChg chg="del mod">
          <ac:chgData name="Niels Erik Wegge" userId="045046d8-83fa-49de-89fc-654575d89d60" providerId="ADAL" clId="{C1DF5A77-402B-4032-BD02-B63BA27B0614}" dt="2024-08-26T20:41:01.882" v="84" actId="478"/>
          <ac:spMkLst>
            <pc:docMk/>
            <pc:sldMk cId="1478644402" sldId="270"/>
            <ac:spMk id="2" creationId="{194EE79E-D70A-4F57-05A2-1467BD297F5D}"/>
          </ac:spMkLst>
        </pc:spChg>
        <pc:spChg chg="mod">
          <ac:chgData name="Niels Erik Wegge" userId="045046d8-83fa-49de-89fc-654575d89d60" providerId="ADAL" clId="{C1DF5A77-402B-4032-BD02-B63BA27B0614}" dt="2024-08-26T22:00:38.118" v="3332" actId="20577"/>
          <ac:spMkLst>
            <pc:docMk/>
            <pc:sldMk cId="1478644402" sldId="270"/>
            <ac:spMk id="3" creationId="{3853E674-67AD-7471-30E1-9F4DE5C60F0B}"/>
          </ac:spMkLst>
        </pc:spChg>
        <pc:spChg chg="add mod">
          <ac:chgData name="Niels Erik Wegge" userId="045046d8-83fa-49de-89fc-654575d89d60" providerId="ADAL" clId="{C1DF5A77-402B-4032-BD02-B63BA27B0614}" dt="2024-08-26T20:59:26.146" v="675" actId="947"/>
          <ac:spMkLst>
            <pc:docMk/>
            <pc:sldMk cId="1478644402" sldId="270"/>
            <ac:spMk id="4" creationId="{976E7763-A50A-1982-A1DE-F8361922E492}"/>
          </ac:spMkLst>
        </pc:spChg>
        <pc:spChg chg="add del mod">
          <ac:chgData name="Niels Erik Wegge" userId="045046d8-83fa-49de-89fc-654575d89d60" providerId="ADAL" clId="{C1DF5A77-402B-4032-BD02-B63BA27B0614}" dt="2024-08-26T20:41:37.719" v="91" actId="478"/>
          <ac:spMkLst>
            <pc:docMk/>
            <pc:sldMk cId="1478644402" sldId="270"/>
            <ac:spMk id="6" creationId="{D8DAB6A3-B8D3-E84D-C0B1-F2E8DA8363FF}"/>
          </ac:spMkLst>
        </pc:spChg>
        <pc:spChg chg="del mod">
          <ac:chgData name="Niels Erik Wegge" userId="045046d8-83fa-49de-89fc-654575d89d60" providerId="ADAL" clId="{C1DF5A77-402B-4032-BD02-B63BA27B0614}" dt="2024-08-26T20:58:12.230" v="583" actId="478"/>
          <ac:spMkLst>
            <pc:docMk/>
            <pc:sldMk cId="1478644402" sldId="270"/>
            <ac:spMk id="8" creationId="{BC7222DD-EE16-AD72-90B2-F639DA9DF557}"/>
          </ac:spMkLst>
        </pc:spChg>
        <pc:spChg chg="add del mod">
          <ac:chgData name="Niels Erik Wegge" userId="045046d8-83fa-49de-89fc-654575d89d60" providerId="ADAL" clId="{C1DF5A77-402B-4032-BD02-B63BA27B0614}" dt="2024-08-26T20:59:08.514" v="671" actId="478"/>
          <ac:spMkLst>
            <pc:docMk/>
            <pc:sldMk cId="1478644402" sldId="270"/>
            <ac:spMk id="9" creationId="{89C18D63-5E3A-9611-EA35-70C54920AD60}"/>
          </ac:spMkLst>
        </pc:spChg>
        <pc:spChg chg="add del mod">
          <ac:chgData name="Niels Erik Wegge" userId="045046d8-83fa-49de-89fc-654575d89d60" providerId="ADAL" clId="{C1DF5A77-402B-4032-BD02-B63BA27B0614}" dt="2024-08-26T20:58:09.033" v="582" actId="478"/>
          <ac:spMkLst>
            <pc:docMk/>
            <pc:sldMk cId="1478644402" sldId="270"/>
            <ac:spMk id="10" creationId="{17124FB9-3D99-CA77-2886-B75157B04191}"/>
          </ac:spMkLst>
        </pc:spChg>
        <pc:picChg chg="del mod">
          <ac:chgData name="Niels Erik Wegge" userId="045046d8-83fa-49de-89fc-654575d89d60" providerId="ADAL" clId="{C1DF5A77-402B-4032-BD02-B63BA27B0614}" dt="2024-08-26T20:58:06.665" v="581" actId="478"/>
          <ac:picMkLst>
            <pc:docMk/>
            <pc:sldMk cId="1478644402" sldId="270"/>
            <ac:picMk id="7" creationId="{879E3859-E735-3F24-E978-CD7189DDB2B7}"/>
          </ac:picMkLst>
        </pc:picChg>
      </pc:sldChg>
      <pc:sldChg chg="del">
        <pc:chgData name="Niels Erik Wegge" userId="045046d8-83fa-49de-89fc-654575d89d60" providerId="ADAL" clId="{C1DF5A77-402B-4032-BD02-B63BA27B0614}" dt="2024-08-26T21:18:15.780" v="1730" actId="47"/>
        <pc:sldMkLst>
          <pc:docMk/>
          <pc:sldMk cId="2461106380" sldId="272"/>
        </pc:sldMkLst>
      </pc:sldChg>
      <pc:sldChg chg="modSp del mod">
        <pc:chgData name="Niels Erik Wegge" userId="045046d8-83fa-49de-89fc-654575d89d60" providerId="ADAL" clId="{C1DF5A77-402B-4032-BD02-B63BA27B0614}" dt="2024-08-26T21:03:04.295" v="796" actId="47"/>
        <pc:sldMkLst>
          <pc:docMk/>
          <pc:sldMk cId="3038193979" sldId="273"/>
        </pc:sldMkLst>
        <pc:spChg chg="mod">
          <ac:chgData name="Niels Erik Wegge" userId="045046d8-83fa-49de-89fc-654575d89d60" providerId="ADAL" clId="{C1DF5A77-402B-4032-BD02-B63BA27B0614}" dt="2024-08-26T21:01:13.916" v="767" actId="122"/>
          <ac:spMkLst>
            <pc:docMk/>
            <pc:sldMk cId="3038193979" sldId="273"/>
            <ac:spMk id="4" creationId="{3A4678A3-0BC3-A093-3B5C-A418A5B5893C}"/>
          </ac:spMkLst>
        </pc:spChg>
      </pc:sldChg>
      <pc:sldChg chg="modSp del mod">
        <pc:chgData name="Niels Erik Wegge" userId="045046d8-83fa-49de-89fc-654575d89d60" providerId="ADAL" clId="{C1DF5A77-402B-4032-BD02-B63BA27B0614}" dt="2024-08-26T21:25:51.781" v="2217" actId="47"/>
        <pc:sldMkLst>
          <pc:docMk/>
          <pc:sldMk cId="2017184619" sldId="274"/>
        </pc:sldMkLst>
        <pc:spChg chg="mod">
          <ac:chgData name="Niels Erik Wegge" userId="045046d8-83fa-49de-89fc-654575d89d60" providerId="ADAL" clId="{C1DF5A77-402B-4032-BD02-B63BA27B0614}" dt="2024-08-26T21:19:40.318" v="1822" actId="21"/>
          <ac:spMkLst>
            <pc:docMk/>
            <pc:sldMk cId="2017184619" sldId="274"/>
            <ac:spMk id="3" creationId="{355D1D5E-DF7A-C4F6-1681-AF90EB970799}"/>
          </ac:spMkLst>
        </pc:spChg>
      </pc:sldChg>
      <pc:sldChg chg="addSp delSp modSp mod modTransition modAnim">
        <pc:chgData name="Niels Erik Wegge" userId="045046d8-83fa-49de-89fc-654575d89d60" providerId="ADAL" clId="{C1DF5A77-402B-4032-BD02-B63BA27B0614}" dt="2024-08-26T22:08:34.610" v="3420" actId="20577"/>
        <pc:sldMkLst>
          <pc:docMk/>
          <pc:sldMk cId="885835869" sldId="276"/>
        </pc:sldMkLst>
        <pc:spChg chg="del">
          <ac:chgData name="Niels Erik Wegge" userId="045046d8-83fa-49de-89fc-654575d89d60" providerId="ADAL" clId="{C1DF5A77-402B-4032-BD02-B63BA27B0614}" dt="2024-08-26T21:26:33.357" v="2229" actId="478"/>
          <ac:spMkLst>
            <pc:docMk/>
            <pc:sldMk cId="885835869" sldId="276"/>
            <ac:spMk id="2" creationId="{EB9573DF-BCE3-3DB1-7283-5B93DA0BEFE9}"/>
          </ac:spMkLst>
        </pc:spChg>
        <pc:spChg chg="del mod">
          <ac:chgData name="Niels Erik Wegge" userId="045046d8-83fa-49de-89fc-654575d89d60" providerId="ADAL" clId="{C1DF5A77-402B-4032-BD02-B63BA27B0614}" dt="2024-08-26T21:27:08.639" v="2233" actId="478"/>
          <ac:spMkLst>
            <pc:docMk/>
            <pc:sldMk cId="885835869" sldId="276"/>
            <ac:spMk id="3" creationId="{0AF9B556-5A4C-EF0B-87AB-D0E04E10F469}"/>
          </ac:spMkLst>
        </pc:spChg>
        <pc:spChg chg="add mod">
          <ac:chgData name="Niels Erik Wegge" userId="045046d8-83fa-49de-89fc-654575d89d60" providerId="ADAL" clId="{C1DF5A77-402B-4032-BD02-B63BA27B0614}" dt="2024-08-26T22:08:15.267" v="3417" actId="5793"/>
          <ac:spMkLst>
            <pc:docMk/>
            <pc:sldMk cId="885835869" sldId="276"/>
            <ac:spMk id="5" creationId="{6A29E3FD-FB8E-7059-4103-4C89E0AD439A}"/>
          </ac:spMkLst>
        </pc:spChg>
        <pc:spChg chg="add del mod">
          <ac:chgData name="Niels Erik Wegge" userId="045046d8-83fa-49de-89fc-654575d89d60" providerId="ADAL" clId="{C1DF5A77-402B-4032-BD02-B63BA27B0614}" dt="2024-08-26T21:26:36.045" v="2230" actId="478"/>
          <ac:spMkLst>
            <pc:docMk/>
            <pc:sldMk cId="885835869" sldId="276"/>
            <ac:spMk id="6" creationId="{D198B085-2A3C-EEBC-66E6-C1D1CB6B8093}"/>
          </ac:spMkLst>
        </pc:spChg>
        <pc:spChg chg="add mod">
          <ac:chgData name="Niels Erik Wegge" userId="045046d8-83fa-49de-89fc-654575d89d60" providerId="ADAL" clId="{C1DF5A77-402B-4032-BD02-B63BA27B0614}" dt="2024-08-26T22:08:34.610" v="3420" actId="20577"/>
          <ac:spMkLst>
            <pc:docMk/>
            <pc:sldMk cId="885835869" sldId="276"/>
            <ac:spMk id="7" creationId="{90FE8B3C-4AD1-A69F-CB2B-D833D67E015A}"/>
          </ac:spMkLst>
        </pc:spChg>
        <pc:spChg chg="add del mod">
          <ac:chgData name="Niels Erik Wegge" userId="045046d8-83fa-49de-89fc-654575d89d60" providerId="ADAL" clId="{C1DF5A77-402B-4032-BD02-B63BA27B0614}" dt="2024-08-26T21:27:12.621" v="2234" actId="478"/>
          <ac:spMkLst>
            <pc:docMk/>
            <pc:sldMk cId="885835869" sldId="276"/>
            <ac:spMk id="8" creationId="{BEC7A6D7-DAFF-2093-FD2B-10F1F6B03AF5}"/>
          </ac:spMkLst>
        </pc:spChg>
      </pc:sldChg>
      <pc:sldChg chg="addSp delSp modSp mod ord modTransition">
        <pc:chgData name="Niels Erik Wegge" userId="045046d8-83fa-49de-89fc-654575d89d60" providerId="ADAL" clId="{C1DF5A77-402B-4032-BD02-B63BA27B0614}" dt="2024-08-26T21:43:12.029" v="3184"/>
        <pc:sldMkLst>
          <pc:docMk/>
          <pc:sldMk cId="640233118" sldId="277"/>
        </pc:sldMkLst>
        <pc:spChg chg="mod">
          <ac:chgData name="Niels Erik Wegge" userId="045046d8-83fa-49de-89fc-654575d89d60" providerId="ADAL" clId="{C1DF5A77-402B-4032-BD02-B63BA27B0614}" dt="2024-08-26T21:11:52.741" v="1432" actId="20577"/>
          <ac:spMkLst>
            <pc:docMk/>
            <pc:sldMk cId="640233118" sldId="277"/>
            <ac:spMk id="3" creationId="{00000000-0000-0000-0000-000000000000}"/>
          </ac:spMkLst>
        </pc:spChg>
        <pc:spChg chg="del mod">
          <ac:chgData name="Niels Erik Wegge" userId="045046d8-83fa-49de-89fc-654575d89d60" providerId="ADAL" clId="{C1DF5A77-402B-4032-BD02-B63BA27B0614}" dt="2024-08-26T21:09:22.923" v="1338" actId="478"/>
          <ac:spMkLst>
            <pc:docMk/>
            <pc:sldMk cId="640233118" sldId="277"/>
            <ac:spMk id="5" creationId="{00000000-0000-0000-0000-000000000000}"/>
          </ac:spMkLst>
        </pc:spChg>
        <pc:spChg chg="add del mod">
          <ac:chgData name="Niels Erik Wegge" userId="045046d8-83fa-49de-89fc-654575d89d60" providerId="ADAL" clId="{C1DF5A77-402B-4032-BD02-B63BA27B0614}" dt="2024-08-26T21:09:25.412" v="1339" actId="478"/>
          <ac:spMkLst>
            <pc:docMk/>
            <pc:sldMk cId="640233118" sldId="277"/>
            <ac:spMk id="8" creationId="{13A9A131-B7A9-2C9D-0DB4-C898A04CFA05}"/>
          </ac:spMkLst>
        </pc:spChg>
        <pc:spChg chg="add mod">
          <ac:chgData name="Niels Erik Wegge" userId="045046d8-83fa-49de-89fc-654575d89d60" providerId="ADAL" clId="{C1DF5A77-402B-4032-BD02-B63BA27B0614}" dt="2024-08-26T21:09:25.742" v="1340"/>
          <ac:spMkLst>
            <pc:docMk/>
            <pc:sldMk cId="640233118" sldId="277"/>
            <ac:spMk id="9" creationId="{A7DBBDAD-7A48-1B66-7EDF-57AB94400440}"/>
          </ac:spMkLst>
        </pc:spChg>
      </pc:sldChg>
      <pc:sldChg chg="del">
        <pc:chgData name="Niels Erik Wegge" userId="045046d8-83fa-49de-89fc-654575d89d60" providerId="ADAL" clId="{C1DF5A77-402B-4032-BD02-B63BA27B0614}" dt="2024-08-26T21:35:29.796" v="2617" actId="47"/>
        <pc:sldMkLst>
          <pc:docMk/>
          <pc:sldMk cId="3326996605" sldId="279"/>
        </pc:sldMkLst>
      </pc:sldChg>
      <pc:sldChg chg="del">
        <pc:chgData name="Niels Erik Wegge" userId="045046d8-83fa-49de-89fc-654575d89d60" providerId="ADAL" clId="{C1DF5A77-402B-4032-BD02-B63BA27B0614}" dt="2024-08-26T21:35:17.295" v="2616" actId="47"/>
        <pc:sldMkLst>
          <pc:docMk/>
          <pc:sldMk cId="2820366386" sldId="280"/>
        </pc:sldMkLst>
      </pc:sldChg>
      <pc:sldChg chg="modSp del mod">
        <pc:chgData name="Niels Erik Wegge" userId="045046d8-83fa-49de-89fc-654575d89d60" providerId="ADAL" clId="{C1DF5A77-402B-4032-BD02-B63BA27B0614}" dt="2024-08-26T21:42:59.064" v="3181" actId="47"/>
        <pc:sldMkLst>
          <pc:docMk/>
          <pc:sldMk cId="2251005376" sldId="291"/>
        </pc:sldMkLst>
        <pc:spChg chg="mod">
          <ac:chgData name="Niels Erik Wegge" userId="045046d8-83fa-49de-89fc-654575d89d60" providerId="ADAL" clId="{C1DF5A77-402B-4032-BD02-B63BA27B0614}" dt="2024-08-26T21:36:17.849" v="2658" actId="21"/>
          <ac:spMkLst>
            <pc:docMk/>
            <pc:sldMk cId="2251005376" sldId="291"/>
            <ac:spMk id="3" creationId="{9A2EED35-1C76-EB05-ED3F-6BF4F68A4DBF}"/>
          </ac:spMkLst>
        </pc:spChg>
      </pc:sldChg>
      <pc:sldChg chg="addSp delSp modSp add mod modTransition">
        <pc:chgData name="Niels Erik Wegge" userId="045046d8-83fa-49de-89fc-654575d89d60" providerId="ADAL" clId="{C1DF5A77-402B-4032-BD02-B63BA27B0614}" dt="2024-08-26T21:43:12.029" v="3184"/>
        <pc:sldMkLst>
          <pc:docMk/>
          <pc:sldMk cId="550819771" sldId="292"/>
        </pc:sldMkLst>
        <pc:spChg chg="add mod">
          <ac:chgData name="Niels Erik Wegge" userId="045046d8-83fa-49de-89fc-654575d89d60" providerId="ADAL" clId="{C1DF5A77-402B-4032-BD02-B63BA27B0614}" dt="2024-08-26T21:02:46.457" v="795" actId="20577"/>
          <ac:spMkLst>
            <pc:docMk/>
            <pc:sldMk cId="550819771" sldId="292"/>
            <ac:spMk id="2" creationId="{4CD03785-84D5-ADE7-3950-55CB175821F1}"/>
          </ac:spMkLst>
        </pc:spChg>
        <pc:spChg chg="mod">
          <ac:chgData name="Niels Erik Wegge" userId="045046d8-83fa-49de-89fc-654575d89d60" providerId="ADAL" clId="{C1DF5A77-402B-4032-BD02-B63BA27B0614}" dt="2024-08-26T20:54:18.219" v="524" actId="20577"/>
          <ac:spMkLst>
            <pc:docMk/>
            <pc:sldMk cId="550819771" sldId="292"/>
            <ac:spMk id="3" creationId="{3853E674-67AD-7471-30E1-9F4DE5C60F0B}"/>
          </ac:spMkLst>
        </pc:spChg>
        <pc:spChg chg="mod">
          <ac:chgData name="Niels Erik Wegge" userId="045046d8-83fa-49de-89fc-654575d89d60" providerId="ADAL" clId="{C1DF5A77-402B-4032-BD02-B63BA27B0614}" dt="2024-08-26T21:00:30.866" v="701" actId="947"/>
          <ac:spMkLst>
            <pc:docMk/>
            <pc:sldMk cId="550819771" sldId="292"/>
            <ac:spMk id="4" creationId="{976E7763-A50A-1982-A1DE-F8361922E492}"/>
          </ac:spMkLst>
        </pc:spChg>
        <pc:spChg chg="add del mod">
          <ac:chgData name="Niels Erik Wegge" userId="045046d8-83fa-49de-89fc-654575d89d60" providerId="ADAL" clId="{C1DF5A77-402B-4032-BD02-B63BA27B0614}" dt="2024-08-26T20:56:33.992" v="571" actId="478"/>
          <ac:spMkLst>
            <pc:docMk/>
            <pc:sldMk cId="550819771" sldId="292"/>
            <ac:spMk id="6" creationId="{A80D679F-37AC-AB7D-22F6-D7A1110FC5CD}"/>
          </ac:spMkLst>
        </pc:spChg>
        <pc:spChg chg="del">
          <ac:chgData name="Niels Erik Wegge" userId="045046d8-83fa-49de-89fc-654575d89d60" providerId="ADAL" clId="{C1DF5A77-402B-4032-BD02-B63BA27B0614}" dt="2024-08-26T21:02:09.336" v="775" actId="478"/>
          <ac:spMkLst>
            <pc:docMk/>
            <pc:sldMk cId="550819771" sldId="292"/>
            <ac:spMk id="8" creationId="{BC7222DD-EE16-AD72-90B2-F639DA9DF557}"/>
          </ac:spMkLst>
        </pc:spChg>
        <pc:picChg chg="del">
          <ac:chgData name="Niels Erik Wegge" userId="045046d8-83fa-49de-89fc-654575d89d60" providerId="ADAL" clId="{C1DF5A77-402B-4032-BD02-B63BA27B0614}" dt="2024-08-26T20:56:31.703" v="570" actId="478"/>
          <ac:picMkLst>
            <pc:docMk/>
            <pc:sldMk cId="550819771" sldId="292"/>
            <ac:picMk id="7" creationId="{879E3859-E735-3F24-E978-CD7189DDB2B7}"/>
          </ac:picMkLst>
        </pc:picChg>
        <pc:picChg chg="add mod">
          <ac:chgData name="Niels Erik Wegge" userId="045046d8-83fa-49de-89fc-654575d89d60" providerId="ADAL" clId="{C1DF5A77-402B-4032-BD02-B63BA27B0614}" dt="2024-08-26T21:02:04.779" v="774" actId="14100"/>
          <ac:picMkLst>
            <pc:docMk/>
            <pc:sldMk cId="550819771" sldId="292"/>
            <ac:picMk id="9" creationId="{467E216D-0C43-A1B5-580C-FF0D2951A509}"/>
          </ac:picMkLst>
        </pc:picChg>
      </pc:sldChg>
      <pc:sldChg chg="addSp delSp modSp add mod modTransition modAnim">
        <pc:chgData name="Niels Erik Wegge" userId="045046d8-83fa-49de-89fc-654575d89d60" providerId="ADAL" clId="{C1DF5A77-402B-4032-BD02-B63BA27B0614}" dt="2024-08-26T21:43:12.029" v="3184"/>
        <pc:sldMkLst>
          <pc:docMk/>
          <pc:sldMk cId="2177640730" sldId="293"/>
        </pc:sldMkLst>
        <pc:spChg chg="mod">
          <ac:chgData name="Niels Erik Wegge" userId="045046d8-83fa-49de-89fc-654575d89d60" providerId="ADAL" clId="{C1DF5A77-402B-4032-BD02-B63BA27B0614}" dt="2024-08-26T20:56:11.374" v="569" actId="6549"/>
          <ac:spMkLst>
            <pc:docMk/>
            <pc:sldMk cId="2177640730" sldId="293"/>
            <ac:spMk id="2" creationId="{4CD03785-84D5-ADE7-3950-55CB175821F1}"/>
          </ac:spMkLst>
        </pc:spChg>
        <pc:spChg chg="mod">
          <ac:chgData name="Niels Erik Wegge" userId="045046d8-83fa-49de-89fc-654575d89d60" providerId="ADAL" clId="{C1DF5A77-402B-4032-BD02-B63BA27B0614}" dt="2024-08-26T20:56:53.597" v="575" actId="113"/>
          <ac:spMkLst>
            <pc:docMk/>
            <pc:sldMk cId="2177640730" sldId="293"/>
            <ac:spMk id="3" creationId="{3853E674-67AD-7471-30E1-9F4DE5C60F0B}"/>
          </ac:spMkLst>
        </pc:spChg>
        <pc:spChg chg="mod">
          <ac:chgData name="Niels Erik Wegge" userId="045046d8-83fa-49de-89fc-654575d89d60" providerId="ADAL" clId="{C1DF5A77-402B-4032-BD02-B63BA27B0614}" dt="2024-08-26T21:00:37.811" v="702" actId="947"/>
          <ac:spMkLst>
            <pc:docMk/>
            <pc:sldMk cId="2177640730" sldId="293"/>
            <ac:spMk id="4" creationId="{976E7763-A50A-1982-A1DE-F8361922E492}"/>
          </ac:spMkLst>
        </pc:spChg>
        <pc:spChg chg="add del mod">
          <ac:chgData name="Niels Erik Wegge" userId="045046d8-83fa-49de-89fc-654575d89d60" providerId="ADAL" clId="{C1DF5A77-402B-4032-BD02-B63BA27B0614}" dt="2024-08-26T20:55:55.185" v="567" actId="478"/>
          <ac:spMkLst>
            <pc:docMk/>
            <pc:sldMk cId="2177640730" sldId="293"/>
            <ac:spMk id="6" creationId="{29E4BBF4-E980-943B-4E42-4FEDA968EC9F}"/>
          </ac:spMkLst>
        </pc:spChg>
        <pc:spChg chg="del">
          <ac:chgData name="Niels Erik Wegge" userId="045046d8-83fa-49de-89fc-654575d89d60" providerId="ADAL" clId="{C1DF5A77-402B-4032-BD02-B63BA27B0614}" dt="2024-08-26T20:55:58.836" v="568" actId="478"/>
          <ac:spMkLst>
            <pc:docMk/>
            <pc:sldMk cId="2177640730" sldId="293"/>
            <ac:spMk id="8" creationId="{BC7222DD-EE16-AD72-90B2-F639DA9DF557}"/>
          </ac:spMkLst>
        </pc:spChg>
        <pc:spChg chg="add mod">
          <ac:chgData name="Niels Erik Wegge" userId="045046d8-83fa-49de-89fc-654575d89d60" providerId="ADAL" clId="{C1DF5A77-402B-4032-BD02-B63BA27B0614}" dt="2024-08-26T21:01:34.339" v="771" actId="1076"/>
          <ac:spMkLst>
            <pc:docMk/>
            <pc:sldMk cId="2177640730" sldId="293"/>
            <ac:spMk id="10" creationId="{740EF4E1-9DC3-F2AD-1479-EA2A5933C868}"/>
          </ac:spMkLst>
        </pc:spChg>
        <pc:picChg chg="del">
          <ac:chgData name="Niels Erik Wegge" userId="045046d8-83fa-49de-89fc-654575d89d60" providerId="ADAL" clId="{C1DF5A77-402B-4032-BD02-B63BA27B0614}" dt="2024-08-26T20:55:51.300" v="566" actId="478"/>
          <ac:picMkLst>
            <pc:docMk/>
            <pc:sldMk cId="2177640730" sldId="293"/>
            <ac:picMk id="7" creationId="{879E3859-E735-3F24-E978-CD7189DDB2B7}"/>
          </ac:picMkLst>
        </pc:picChg>
        <pc:picChg chg="add mod">
          <ac:chgData name="Niels Erik Wegge" userId="045046d8-83fa-49de-89fc-654575d89d60" providerId="ADAL" clId="{C1DF5A77-402B-4032-BD02-B63BA27B0614}" dt="2024-08-26T20:57:02.617" v="576" actId="1076"/>
          <ac:picMkLst>
            <pc:docMk/>
            <pc:sldMk cId="2177640730" sldId="293"/>
            <ac:picMk id="9" creationId="{AAA68BF2-03EE-DF19-A9DD-C68A87B6D579}"/>
          </ac:picMkLst>
        </pc:picChg>
      </pc:sldChg>
      <pc:sldChg chg="modSp add mod modTransition">
        <pc:chgData name="Niels Erik Wegge" userId="045046d8-83fa-49de-89fc-654575d89d60" providerId="ADAL" clId="{C1DF5A77-402B-4032-BD02-B63BA27B0614}" dt="2024-08-26T21:43:50.659" v="3185" actId="947"/>
        <pc:sldMkLst>
          <pc:docMk/>
          <pc:sldMk cId="1700845281" sldId="294"/>
        </pc:sldMkLst>
        <pc:spChg chg="mod">
          <ac:chgData name="Niels Erik Wegge" userId="045046d8-83fa-49de-89fc-654575d89d60" providerId="ADAL" clId="{C1DF5A77-402B-4032-BD02-B63BA27B0614}" dt="2024-08-26T21:00:25" v="700" actId="947"/>
          <ac:spMkLst>
            <pc:docMk/>
            <pc:sldMk cId="1700845281" sldId="294"/>
            <ac:spMk id="4" creationId="{976E7763-A50A-1982-A1DE-F8361922E492}"/>
          </ac:spMkLst>
        </pc:spChg>
        <pc:spChg chg="mod">
          <ac:chgData name="Niels Erik Wegge" userId="045046d8-83fa-49de-89fc-654575d89d60" providerId="ADAL" clId="{C1DF5A77-402B-4032-BD02-B63BA27B0614}" dt="2024-08-26T21:43:50.659" v="3185" actId="947"/>
          <ac:spMkLst>
            <pc:docMk/>
            <pc:sldMk cId="1700845281" sldId="294"/>
            <ac:spMk id="8" creationId="{BC7222DD-EE16-AD72-90B2-F639DA9DF557}"/>
          </ac:spMkLst>
        </pc:spChg>
        <pc:spChg chg="mod">
          <ac:chgData name="Niels Erik Wegge" userId="045046d8-83fa-49de-89fc-654575d89d60" providerId="ADAL" clId="{C1DF5A77-402B-4032-BD02-B63BA27B0614}" dt="2024-08-26T21:02:37.204" v="783" actId="5793"/>
          <ac:spMkLst>
            <pc:docMk/>
            <pc:sldMk cId="1700845281" sldId="294"/>
            <ac:spMk id="9" creationId="{89C18D63-5E3A-9611-EA35-70C54920AD60}"/>
          </ac:spMkLst>
        </pc:spChg>
      </pc:sldChg>
      <pc:sldChg chg="addSp delSp modSp add mod modTransition delAnim modAnim">
        <pc:chgData name="Niels Erik Wegge" userId="045046d8-83fa-49de-89fc-654575d89d60" providerId="ADAL" clId="{C1DF5A77-402B-4032-BD02-B63BA27B0614}" dt="2024-08-26T22:03:58.779" v="3401" actId="14100"/>
        <pc:sldMkLst>
          <pc:docMk/>
          <pc:sldMk cId="1268865613" sldId="295"/>
        </pc:sldMkLst>
        <pc:spChg chg="del">
          <ac:chgData name="Niels Erik Wegge" userId="045046d8-83fa-49de-89fc-654575d89d60" providerId="ADAL" clId="{C1DF5A77-402B-4032-BD02-B63BA27B0614}" dt="2024-08-26T21:05:09.387" v="1024" actId="478"/>
          <ac:spMkLst>
            <pc:docMk/>
            <pc:sldMk cId="1268865613" sldId="295"/>
            <ac:spMk id="2" creationId="{4CD03785-84D5-ADE7-3950-55CB175821F1}"/>
          </ac:spMkLst>
        </pc:spChg>
        <pc:spChg chg="add del mod">
          <ac:chgData name="Niels Erik Wegge" userId="045046d8-83fa-49de-89fc-654575d89d60" providerId="ADAL" clId="{C1DF5A77-402B-4032-BD02-B63BA27B0614}" dt="2024-08-26T22:03:37.847" v="3400" actId="20577"/>
          <ac:spMkLst>
            <pc:docMk/>
            <pc:sldMk cId="1268865613" sldId="295"/>
            <ac:spMk id="3" creationId="{3853E674-67AD-7471-30E1-9F4DE5C60F0B}"/>
          </ac:spMkLst>
        </pc:spChg>
        <pc:spChg chg="mod">
          <ac:chgData name="Niels Erik Wegge" userId="045046d8-83fa-49de-89fc-654575d89d60" providerId="ADAL" clId="{C1DF5A77-402B-4032-BD02-B63BA27B0614}" dt="2024-08-26T21:03:16.135" v="804" actId="20577"/>
          <ac:spMkLst>
            <pc:docMk/>
            <pc:sldMk cId="1268865613" sldId="295"/>
            <ac:spMk id="4" creationId="{976E7763-A50A-1982-A1DE-F8361922E492}"/>
          </ac:spMkLst>
        </pc:spChg>
        <pc:spChg chg="add del mod">
          <ac:chgData name="Niels Erik Wegge" userId="045046d8-83fa-49de-89fc-654575d89d60" providerId="ADAL" clId="{C1DF5A77-402B-4032-BD02-B63BA27B0614}" dt="2024-08-26T21:08:24.971" v="1303" actId="478"/>
          <ac:spMkLst>
            <pc:docMk/>
            <pc:sldMk cId="1268865613" sldId="295"/>
            <ac:spMk id="6" creationId="{3A3C9C0F-A786-289D-68F9-1A4C834798BA}"/>
          </ac:spMkLst>
        </pc:spChg>
        <pc:spChg chg="add mod">
          <ac:chgData name="Niels Erik Wegge" userId="045046d8-83fa-49de-89fc-654575d89d60" providerId="ADAL" clId="{C1DF5A77-402B-4032-BD02-B63BA27B0614}" dt="2024-08-26T21:08:20.683" v="1301" actId="478"/>
          <ac:spMkLst>
            <pc:docMk/>
            <pc:sldMk cId="1268865613" sldId="295"/>
            <ac:spMk id="7" creationId="{6F868AC0-E38B-A649-C65F-BEB7C100BC51}"/>
          </ac:spMkLst>
        </pc:spChg>
        <pc:spChg chg="add mod">
          <ac:chgData name="Niels Erik Wegge" userId="045046d8-83fa-49de-89fc-654575d89d60" providerId="ADAL" clId="{C1DF5A77-402B-4032-BD02-B63BA27B0614}" dt="2024-08-26T21:08:28.614" v="1304" actId="478"/>
          <ac:spMkLst>
            <pc:docMk/>
            <pc:sldMk cId="1268865613" sldId="295"/>
            <ac:spMk id="8" creationId="{DB924B05-589A-6489-B556-347B4227F6AE}"/>
          </ac:spMkLst>
        </pc:spChg>
        <pc:spChg chg="del">
          <ac:chgData name="Niels Erik Wegge" userId="045046d8-83fa-49de-89fc-654575d89d60" providerId="ADAL" clId="{C1DF5A77-402B-4032-BD02-B63BA27B0614}" dt="2024-08-26T21:05:12.564" v="1025" actId="478"/>
          <ac:spMkLst>
            <pc:docMk/>
            <pc:sldMk cId="1268865613" sldId="295"/>
            <ac:spMk id="10" creationId="{740EF4E1-9DC3-F2AD-1479-EA2A5933C868}"/>
          </ac:spMkLst>
        </pc:spChg>
        <pc:picChg chg="del">
          <ac:chgData name="Niels Erik Wegge" userId="045046d8-83fa-49de-89fc-654575d89d60" providerId="ADAL" clId="{C1DF5A77-402B-4032-BD02-B63BA27B0614}" dt="2024-08-26T21:03:38.690" v="827" actId="478"/>
          <ac:picMkLst>
            <pc:docMk/>
            <pc:sldMk cId="1268865613" sldId="295"/>
            <ac:picMk id="9" creationId="{AAA68BF2-03EE-DF19-A9DD-C68A87B6D579}"/>
          </ac:picMkLst>
        </pc:picChg>
        <pc:picChg chg="add mod ord">
          <ac:chgData name="Niels Erik Wegge" userId="045046d8-83fa-49de-89fc-654575d89d60" providerId="ADAL" clId="{C1DF5A77-402B-4032-BD02-B63BA27B0614}" dt="2024-08-26T22:03:58.779" v="3401" actId="14100"/>
          <ac:picMkLst>
            <pc:docMk/>
            <pc:sldMk cId="1268865613" sldId="295"/>
            <ac:picMk id="11" creationId="{41E4A168-BCFD-B075-705A-B2623D34B841}"/>
          </ac:picMkLst>
        </pc:picChg>
      </pc:sldChg>
      <pc:sldChg chg="addSp modSp add mod modTransition">
        <pc:chgData name="Niels Erik Wegge" userId="045046d8-83fa-49de-89fc-654575d89d60" providerId="ADAL" clId="{C1DF5A77-402B-4032-BD02-B63BA27B0614}" dt="2024-08-26T21:43:12.029" v="3184"/>
        <pc:sldMkLst>
          <pc:docMk/>
          <pc:sldMk cId="2275539580" sldId="296"/>
        </pc:sldMkLst>
        <pc:spChg chg="add mod">
          <ac:chgData name="Niels Erik Wegge" userId="045046d8-83fa-49de-89fc-654575d89d60" providerId="ADAL" clId="{C1DF5A77-402B-4032-BD02-B63BA27B0614}" dt="2024-08-26T21:22:19.444" v="1835" actId="1076"/>
          <ac:spMkLst>
            <pc:docMk/>
            <pc:sldMk cId="2275539580" sldId="296"/>
            <ac:spMk id="2" creationId="{80F67775-FC89-4303-485D-E962B5AA6DAC}"/>
          </ac:spMkLst>
        </pc:spChg>
        <pc:spChg chg="mod">
          <ac:chgData name="Niels Erik Wegge" userId="045046d8-83fa-49de-89fc-654575d89d60" providerId="ADAL" clId="{C1DF5A77-402B-4032-BD02-B63BA27B0614}" dt="2024-08-26T21:22:37.992" v="1838" actId="20577"/>
          <ac:spMkLst>
            <pc:docMk/>
            <pc:sldMk cId="2275539580" sldId="296"/>
            <ac:spMk id="3" creationId="{3853E674-67AD-7471-30E1-9F4DE5C60F0B}"/>
          </ac:spMkLst>
        </pc:spChg>
      </pc:sldChg>
      <pc:sldChg chg="modSp add mod ord modTransition modAnim">
        <pc:chgData name="Niels Erik Wegge" userId="045046d8-83fa-49de-89fc-654575d89d60" providerId="ADAL" clId="{C1DF5A77-402B-4032-BD02-B63BA27B0614}" dt="2024-08-26T22:05:40.231" v="3407" actId="14100"/>
        <pc:sldMkLst>
          <pc:docMk/>
          <pc:sldMk cId="533266086" sldId="297"/>
        </pc:sldMkLst>
        <pc:spChg chg="mod">
          <ac:chgData name="Niels Erik Wegge" userId="045046d8-83fa-49de-89fc-654575d89d60" providerId="ADAL" clId="{C1DF5A77-402B-4032-BD02-B63BA27B0614}" dt="2024-08-26T22:05:40.231" v="3407" actId="14100"/>
          <ac:spMkLst>
            <pc:docMk/>
            <pc:sldMk cId="533266086" sldId="297"/>
            <ac:spMk id="3" creationId="{3853E674-67AD-7471-30E1-9F4DE5C60F0B}"/>
          </ac:spMkLst>
        </pc:spChg>
      </pc:sldChg>
      <pc:sldChg chg="modSp add mod modTransition">
        <pc:chgData name="Niels Erik Wegge" userId="045046d8-83fa-49de-89fc-654575d89d60" providerId="ADAL" clId="{C1DF5A77-402B-4032-BD02-B63BA27B0614}" dt="2024-08-26T21:43:12.029" v="3184"/>
        <pc:sldMkLst>
          <pc:docMk/>
          <pc:sldMk cId="1134575943" sldId="298"/>
        </pc:sldMkLst>
        <pc:spChg chg="mod">
          <ac:chgData name="Niels Erik Wegge" userId="045046d8-83fa-49de-89fc-654575d89d60" providerId="ADAL" clId="{C1DF5A77-402B-4032-BD02-B63BA27B0614}" dt="2024-08-26T21:29:28.889" v="2313" actId="20577"/>
          <ac:spMkLst>
            <pc:docMk/>
            <pc:sldMk cId="1134575943" sldId="298"/>
            <ac:spMk id="5" creationId="{6A29E3FD-FB8E-7059-4103-4C89E0AD439A}"/>
          </ac:spMkLst>
        </pc:spChg>
        <pc:spChg chg="mod">
          <ac:chgData name="Niels Erik Wegge" userId="045046d8-83fa-49de-89fc-654575d89d60" providerId="ADAL" clId="{C1DF5A77-402B-4032-BD02-B63BA27B0614}" dt="2024-08-26T21:35:13" v="2615" actId="1076"/>
          <ac:spMkLst>
            <pc:docMk/>
            <pc:sldMk cId="1134575943" sldId="298"/>
            <ac:spMk id="7" creationId="{90FE8B3C-4AD1-A69F-CB2B-D833D67E015A}"/>
          </ac:spMkLst>
        </pc:spChg>
      </pc:sldChg>
      <pc:sldChg chg="modSp add mod modTransition">
        <pc:chgData name="Niels Erik Wegge" userId="045046d8-83fa-49de-89fc-654575d89d60" providerId="ADAL" clId="{C1DF5A77-402B-4032-BD02-B63BA27B0614}" dt="2024-08-26T22:10:07.777" v="3425" actId="20577"/>
        <pc:sldMkLst>
          <pc:docMk/>
          <pc:sldMk cId="2844450174" sldId="299"/>
        </pc:sldMkLst>
        <pc:spChg chg="mod">
          <ac:chgData name="Niels Erik Wegge" userId="045046d8-83fa-49de-89fc-654575d89d60" providerId="ADAL" clId="{C1DF5A77-402B-4032-BD02-B63BA27B0614}" dt="2024-08-26T21:39:20.114" v="2913" actId="5793"/>
          <ac:spMkLst>
            <pc:docMk/>
            <pc:sldMk cId="2844450174" sldId="299"/>
            <ac:spMk id="5" creationId="{6A29E3FD-FB8E-7059-4103-4C89E0AD439A}"/>
          </ac:spMkLst>
        </pc:spChg>
        <pc:spChg chg="mod">
          <ac:chgData name="Niels Erik Wegge" userId="045046d8-83fa-49de-89fc-654575d89d60" providerId="ADAL" clId="{C1DF5A77-402B-4032-BD02-B63BA27B0614}" dt="2024-08-26T22:10:07.777" v="3425" actId="20577"/>
          <ac:spMkLst>
            <pc:docMk/>
            <pc:sldMk cId="2844450174" sldId="299"/>
            <ac:spMk id="7" creationId="{90FE8B3C-4AD1-A69F-CB2B-D833D67E015A}"/>
          </ac:spMkLst>
        </pc:spChg>
      </pc:sldChg>
      <pc:sldMasterChg chg="modTransition modSldLayout">
        <pc:chgData name="Niels Erik Wegge" userId="045046d8-83fa-49de-89fc-654575d89d60" providerId="ADAL" clId="{C1DF5A77-402B-4032-BD02-B63BA27B0614}" dt="2024-08-26T21:43:12.029" v="3184"/>
        <pc:sldMasterMkLst>
          <pc:docMk/>
          <pc:sldMasterMk cId="2454702602" sldId="2147483662"/>
        </pc:sldMasterMkLst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3227214542" sldId="2147483663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1187774059" sldId="2147483664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120845512" sldId="2147483666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2669264705" sldId="2147483667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2321786107" sldId="2147483668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3496376187" sldId="2147483669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1225919311" sldId="2147483671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3922670733" sldId="2147483672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1283562364" sldId="2147483673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1886374073" sldId="2147483676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1131213533" sldId="2147483677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2526351870" sldId="2147483678"/>
          </pc:sldLayoutMkLst>
        </pc:sldLayoutChg>
        <pc:sldLayoutChg chg="modTransition">
          <pc:chgData name="Niels Erik Wegge" userId="045046d8-83fa-49de-89fc-654575d89d60" providerId="ADAL" clId="{C1DF5A77-402B-4032-BD02-B63BA27B0614}" dt="2024-08-26T21:43:12.029" v="3184"/>
          <pc:sldLayoutMkLst>
            <pc:docMk/>
            <pc:sldMasterMk cId="2454702602" sldId="2147483662"/>
            <pc:sldLayoutMk cId="1147004094" sldId="2147483679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50443" y="0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50443" y="9428583"/>
            <a:ext cx="2945659" cy="496332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52016" y="0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90488" y="744538"/>
            <a:ext cx="6616700" cy="3722687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06357" y="4715153"/>
            <a:ext cx="4984962" cy="44669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52016" y="9430306"/>
            <a:ext cx="2945659" cy="49633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D3C138-8C61-4732-97DD-F7D99159764D}" type="datetimeFigureOut">
              <a:rPr lang="en-US" smtClean="0"/>
              <a:t>8/27/2024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EF07A8FE-7795-4226-849D-C55145A52CA0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47004094"/>
      </p:ext>
    </p:extLst>
  </p:cSld>
  <p:clrMapOvr>
    <a:masterClrMapping/>
  </p:clrMapOvr>
  <p:transition>
    <p:fade/>
  </p:transition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>
    <p:fade/>
  </p:transition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transition>
    <p:fade/>
  </p:transition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9" r:id="rId12"/>
  </p:sldLayoutIdLst>
  <p:transition>
    <p:fade/>
  </p:transition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pxhere.com/en/photo/636624" TargetMode="External"/><Relationship Id="rId2" Type="http://schemas.openxmlformats.org/officeDocument/2006/relationships/image" Target="../media/image1.jpeg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12.xml"/><Relationship Id="rId4" Type="http://schemas.openxmlformats.org/officeDocument/2006/relationships/image" Target="../media/image7.jpeg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53E674-67AD-7471-30E1-9F4DE5C60F0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23167" y="1628800"/>
            <a:ext cx="11032679" cy="2736304"/>
          </a:xfrm>
        </p:spPr>
        <p:txBody>
          <a:bodyPr/>
          <a:lstStyle/>
          <a:p>
            <a:pPr marL="0" indent="0" algn="ctr">
              <a:buNone/>
            </a:pPr>
            <a:r>
              <a:rPr lang="da-DK" sz="35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INTER = INTERESSE</a:t>
            </a:r>
          </a:p>
          <a:p>
            <a:pPr marL="0" indent="0" algn="ctr">
              <a:buNone/>
            </a:pPr>
            <a:r>
              <a:rPr lang="da-DK" sz="35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INTER = MELLEM gymnasium og videregående uddannelse</a:t>
            </a:r>
          </a:p>
          <a:p>
            <a:pPr marL="0" indent="0" algn="ctr">
              <a:buNone/>
            </a:pPr>
            <a:endParaRPr lang="da-DK" sz="35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 algn="ctr">
              <a:buNone/>
            </a:pPr>
            <a:r>
              <a:rPr lang="da-DK" sz="35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Mind the Gap?</a:t>
            </a:r>
            <a:endParaRPr lang="da-DK" sz="35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 algn="ctr">
              <a:buNone/>
            </a:pPr>
            <a:endParaRPr lang="da-DK" sz="350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17D52A-BCDD-8696-D2BE-F25478E10A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976E7763-A50A-1982-A1DE-F8361922E492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Hvorfor InterMat?</a:t>
            </a:r>
          </a:p>
        </p:txBody>
      </p:sp>
    </p:spTree>
    <p:extLst>
      <p:ext uri="{BB962C8B-B14F-4D97-AF65-F5344CB8AC3E}">
        <p14:creationId xmlns:p14="http://schemas.microsoft.com/office/powerpoint/2010/main" val="1478644402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F2D96B-740F-B363-F049-7B9D428AC3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6A29E3FD-FB8E-7059-4103-4C89E0AD439A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Oplæg til diskussion…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90FE8B3C-4AD1-A69F-CB2B-D833D67E015A}"/>
              </a:ext>
            </a:extLst>
          </p:cNvPr>
          <p:cNvSpPr txBox="1">
            <a:spLocks/>
          </p:cNvSpPr>
          <p:nvPr/>
        </p:nvSpPr>
        <p:spPr bwMode="auto">
          <a:xfrm>
            <a:off x="262559" y="981888"/>
            <a:ext cx="11676492" cy="550601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514350" indent="-514350">
              <a:buFont typeface="+mj-lt"/>
              <a:buAutoNum type="arabicPeriod"/>
            </a:pPr>
            <a:r>
              <a:rPr lang="da-DK" sz="2700" dirty="0"/>
              <a:t>Skal vi fortsætte med InterMat – Virker det efter hensigten? </a:t>
            </a:r>
          </a:p>
          <a:p>
            <a:pPr marL="514350" indent="-514350">
              <a:buFont typeface="+mj-lt"/>
              <a:buAutoNum type="arabicPeriod"/>
            </a:pPr>
            <a:r>
              <a:rPr lang="da-DK" sz="2700" dirty="0"/>
              <a:t>Skal InterMat være en klub på tværs af en årgang eller forankres i den enkelte klasse? </a:t>
            </a:r>
          </a:p>
          <a:p>
            <a:pPr marL="514350" indent="-514350">
              <a:buFont typeface="+mj-lt"/>
              <a:buAutoNum type="arabicPeriod"/>
            </a:pPr>
            <a:r>
              <a:rPr lang="da-DK" sz="2700" dirty="0"/>
              <a:t>Skal InterMat-materialet kunne inddrages i det supplerende stof ift. den ny læreplan?  </a:t>
            </a:r>
          </a:p>
          <a:p>
            <a:pPr marL="514350" indent="-514350">
              <a:buFont typeface="+mj-lt"/>
              <a:buAutoNum type="arabicPeriod"/>
            </a:pPr>
            <a:r>
              <a:rPr lang="da-DK" sz="2700" dirty="0"/>
              <a:t>Er der skolepolitiske problematikker (skema, aflønning, prioritering…)? </a:t>
            </a:r>
          </a:p>
          <a:p>
            <a:pPr marL="514350" indent="-514350">
              <a:buFont typeface="+mj-lt"/>
              <a:buAutoNum type="arabicPeriod"/>
            </a:pPr>
            <a:r>
              <a:rPr lang="da-DK" sz="2700" dirty="0"/>
              <a:t>Er de yngre kollegaer interesserede – Hvis ikke,hvordan får vi dem med? </a:t>
            </a:r>
          </a:p>
          <a:p>
            <a:pPr marL="514350" indent="-514350">
              <a:buFont typeface="+mj-lt"/>
              <a:buAutoNum type="arabicPeriod"/>
            </a:pPr>
            <a:r>
              <a:rPr lang="da-DK" sz="2700" dirty="0"/>
              <a:t>Fagligt indhold? Andre emner? Flere mini-projekter rettet til Samf-Mat?</a:t>
            </a:r>
          </a:p>
          <a:p>
            <a:pPr marL="514350" indent="-514350">
              <a:buFont typeface="+mj-lt"/>
              <a:buAutoNum type="arabicPeriod"/>
            </a:pPr>
            <a:r>
              <a:rPr lang="da-DK" sz="2700" dirty="0"/>
              <a:t>Hvad skal elevernes begrundelse være for at melde sig til? - Vi skal have nogle overbevisende argumenter så vi </a:t>
            </a:r>
            <a:r>
              <a:rPr lang="da-DK" sz="2700"/>
              <a:t>opnår bredde, ellers bliver det kun for de få ”nørder” </a:t>
            </a:r>
            <a:endParaRPr lang="da-DK" sz="2700" dirty="0"/>
          </a:p>
        </p:txBody>
      </p:sp>
    </p:spTree>
    <p:extLst>
      <p:ext uri="{BB962C8B-B14F-4D97-AF65-F5344CB8AC3E}">
        <p14:creationId xmlns:p14="http://schemas.microsoft.com/office/powerpoint/2010/main" val="2844450174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53E674-67AD-7471-30E1-9F4DE5C60F0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23167" y="1045031"/>
            <a:ext cx="5603503" cy="3896137"/>
          </a:xfrm>
        </p:spPr>
        <p:txBody>
          <a:bodyPr/>
          <a:lstStyle/>
          <a:p>
            <a:pPr marL="0" indent="0">
              <a:buNone/>
            </a:pPr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tartet i 2013 i lyset af </a:t>
            </a:r>
            <a:r>
              <a:rPr lang="da-DK" sz="3000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remdriftsrefomen</a:t>
            </a:r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: </a:t>
            </a:r>
            <a:endParaRPr lang="da-DK" sz="3000" dirty="0"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vordan kan vi hjælpe interesserede elever, så de </a:t>
            </a:r>
            <a:r>
              <a:rPr lang="da-DK" sz="30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ikke snubler </a:t>
            </a:r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i starten af videregående studier med et væsentligt indhold af matematik?</a:t>
            </a:r>
          </a:p>
          <a:p>
            <a:r>
              <a:rPr lang="da-DK" sz="30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DTU / KU / CBS</a:t>
            </a:r>
          </a:p>
        </p:txBody>
      </p:sp>
      <p:pic>
        <p:nvPicPr>
          <p:cNvPr id="7" name="Content Placeholder 6" descr="A person cooking food on a stove&#10;&#10;Description automatically generated with low confidence">
            <a:extLst>
              <a:ext uri="{FF2B5EF4-FFF2-40B4-BE49-F238E27FC236}">
                <a16:creationId xmlns:a16="http://schemas.microsoft.com/office/drawing/2014/main" id="{879E3859-E735-3F24-E978-CD7189DDB2B7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tretch>
            <a:fillRect/>
          </a:stretch>
        </p:blipFill>
        <p:spPr>
          <a:xfrm>
            <a:off x="6934745" y="1052736"/>
            <a:ext cx="4921102" cy="3456384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17D52A-BCDD-8696-D2BE-F25478E10A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C7222DD-EE16-AD72-90B2-F639DA9DF557}"/>
              </a:ext>
            </a:extLst>
          </p:cNvPr>
          <p:cNvSpPr txBox="1"/>
          <p:nvPr/>
        </p:nvSpPr>
        <p:spPr>
          <a:xfrm>
            <a:off x="6930184" y="4754761"/>
            <a:ext cx="4853654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200" dirty="0">
                <a:latin typeface="+mn-lt"/>
              </a:rPr>
              <a:t>På et tidspunkt i livet hvor de måske samtidig skal lære at lave frikadeller… og i øvrigt stå på egne ben…</a:t>
            </a:r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976E7763-A50A-1982-A1DE-F8361922E492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Hvorfor InterMat?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89C18D63-5E3A-9611-EA35-70C54920AD60}"/>
              </a:ext>
            </a:extLst>
          </p:cNvPr>
          <p:cNvSpPr txBox="1">
            <a:spLocks/>
          </p:cNvSpPr>
          <p:nvPr/>
        </p:nvSpPr>
        <p:spPr bwMode="auto">
          <a:xfrm>
            <a:off x="841996" y="5013176"/>
            <a:ext cx="5603503" cy="1764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3000" dirty="0">
                <a:solidFill>
                  <a:srgbClr val="FF0000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Ny relevans 2024: </a:t>
            </a:r>
          </a:p>
          <a:p>
            <a:r>
              <a:rPr lang="da-DK" sz="3000" dirty="0">
                <a:solidFill>
                  <a:srgbClr val="FF0000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jernelse af 6. SU år…</a:t>
            </a:r>
          </a:p>
        </p:txBody>
      </p:sp>
    </p:spTree>
    <p:extLst>
      <p:ext uri="{BB962C8B-B14F-4D97-AF65-F5344CB8AC3E}">
        <p14:creationId xmlns:p14="http://schemas.microsoft.com/office/powerpoint/2010/main" val="1700845281"/>
      </p:ext>
    </p:extLst>
  </p:cSld>
  <p:clrMapOvr>
    <a:masterClrMapping/>
  </p:clrMapOvr>
  <p:transition>
    <p:fade/>
  </p:transition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53E674-67AD-7471-30E1-9F4DE5C60F0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15359" y="1035190"/>
            <a:ext cx="5603503" cy="2888025"/>
          </a:xfrm>
        </p:spPr>
        <p:txBody>
          <a:bodyPr/>
          <a:lstStyle/>
          <a:p>
            <a:pPr marL="0" indent="0">
              <a:buNone/>
            </a:pPr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vordan kan vi …</a:t>
            </a:r>
          </a:p>
          <a:p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kabe </a:t>
            </a:r>
            <a:r>
              <a:rPr lang="da-DK" sz="30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interesse </a:t>
            </a:r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or matematik? </a:t>
            </a:r>
          </a:p>
          <a:p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etablere nødvendige/nyttige </a:t>
            </a:r>
            <a:r>
              <a:rPr lang="da-DK" sz="30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ærdigheder </a:t>
            </a:r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ør studiestart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17D52A-BCDD-8696-D2BE-F25478E10A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976E7763-A50A-1982-A1DE-F8361922E492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Hvorfor InterMat?</a:t>
            </a:r>
          </a:p>
        </p:txBody>
      </p: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4CD03785-84D5-ADE7-3950-55CB175821F1}"/>
              </a:ext>
            </a:extLst>
          </p:cNvPr>
          <p:cNvSpPr txBox="1">
            <a:spLocks/>
          </p:cNvSpPr>
          <p:nvPr/>
        </p:nvSpPr>
        <p:spPr bwMode="auto">
          <a:xfrm>
            <a:off x="766615" y="3461550"/>
            <a:ext cx="5832648" cy="30796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da-DK" sz="3000" kern="0" dirty="0">
                <a:solidFill>
                  <a:srgbClr val="FF0000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Ny relevans 2024: </a:t>
            </a:r>
          </a:p>
          <a:p>
            <a:r>
              <a:rPr lang="da-DK" sz="3000" kern="0" dirty="0">
                <a:solidFill>
                  <a:srgbClr val="FF0000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mangelfulde matematiktekniske færdigheder…</a:t>
            </a:r>
          </a:p>
          <a:p>
            <a:r>
              <a:rPr lang="da-DK" sz="3000" kern="0" dirty="0">
                <a:solidFill>
                  <a:srgbClr val="FF0000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vært ved at læse </a:t>
            </a:r>
            <a:r>
              <a:rPr lang="da-DK" sz="3000" kern="0" dirty="0" err="1">
                <a:solidFill>
                  <a:srgbClr val="FF0000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undervisnings-materiale</a:t>
            </a:r>
            <a:r>
              <a:rPr lang="da-DK" sz="3000" kern="0" dirty="0">
                <a:solidFill>
                  <a:srgbClr val="FF0000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…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467E216D-0C43-A1B5-580C-FF0D2951A509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82550" y="1035190"/>
            <a:ext cx="5273296" cy="3954973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550819771"/>
      </p:ext>
    </p:extLst>
  </p:cSld>
  <p:clrMapOvr>
    <a:masterClrMapping/>
  </p:clrMapOvr>
  <p:transition>
    <p:fade/>
  </p:transition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53E674-67AD-7471-30E1-9F4DE5C60F0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15359" y="1035190"/>
            <a:ext cx="5603503" cy="2888025"/>
          </a:xfrm>
        </p:spPr>
        <p:txBody>
          <a:bodyPr/>
          <a:lstStyle/>
          <a:p>
            <a:pPr marL="0" indent="0">
              <a:buNone/>
            </a:pPr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vordan kan vi …</a:t>
            </a:r>
          </a:p>
          <a:p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dele vores egen </a:t>
            </a:r>
            <a:r>
              <a:rPr lang="da-DK" sz="30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begejstring </a:t>
            </a:r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or matematik? </a:t>
            </a:r>
          </a:p>
          <a:p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inspirere til </a:t>
            </a:r>
            <a:r>
              <a:rPr lang="da-DK" sz="3000" b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SRP-projekter</a:t>
            </a:r>
            <a:r>
              <a:rPr lang="da-DK" sz="30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?</a:t>
            </a:r>
          </a:p>
          <a:p>
            <a:r>
              <a:rPr lang="da-DK" sz="30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bidrage til </a:t>
            </a:r>
            <a:r>
              <a:rPr lang="da-DK" sz="3000" b="1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karrierelæring</a:t>
            </a:r>
            <a:r>
              <a:rPr lang="da-DK" sz="30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?</a:t>
            </a:r>
            <a:endParaRPr lang="da-DK" sz="30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17D52A-BCDD-8696-D2BE-F25478E10A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976E7763-A50A-1982-A1DE-F8361922E492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Hvorfor InterMat?</a:t>
            </a:r>
          </a:p>
        </p:txBody>
      </p: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4CD03785-84D5-ADE7-3950-55CB175821F1}"/>
              </a:ext>
            </a:extLst>
          </p:cNvPr>
          <p:cNvSpPr txBox="1">
            <a:spLocks/>
          </p:cNvSpPr>
          <p:nvPr/>
        </p:nvSpPr>
        <p:spPr bwMode="auto">
          <a:xfrm>
            <a:off x="766614" y="3923215"/>
            <a:ext cx="6811029" cy="258642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FontTx/>
              <a:buNone/>
            </a:pPr>
            <a:r>
              <a:rPr lang="da-DK" sz="3000" kern="0" dirty="0">
                <a:solidFill>
                  <a:srgbClr val="FF0000"/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Ny relevans 2024: </a:t>
            </a:r>
          </a:p>
          <a:p>
            <a:r>
              <a:rPr lang="da-DK" sz="3000" kern="0" dirty="0">
                <a:solidFill>
                  <a:srgbClr val="FF0000"/>
                </a:solidFill>
                <a:latin typeface="Calibri" panose="020F0502020204030204" pitchFamily="34" charset="0"/>
                <a:cs typeface="Times New Roman" panose="02020603050405020304" pitchFamily="18" charset="0"/>
              </a:rPr>
              <a:t>…?</a:t>
            </a:r>
            <a:endParaRPr lang="da-DK" sz="3000" kern="0" dirty="0">
              <a:solidFill>
                <a:srgbClr val="FF0000"/>
              </a:solidFill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AAA68BF2-03EE-DF19-A9DD-C68A87B6D579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87046" y="1008437"/>
            <a:ext cx="3456384" cy="5193785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740EF4E1-9DC3-F2AD-1479-EA2A5933C86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797601" y="5034207"/>
            <a:ext cx="4409100" cy="1168015"/>
          </a:xfrm>
        </p:spPr>
        <p:txBody>
          <a:bodyPr/>
          <a:lstStyle/>
          <a:p>
            <a:pPr marL="0" indent="0" algn="r">
              <a:buNone/>
            </a:pPr>
            <a:r>
              <a:rPr lang="da-DK" sz="2500" dirty="0"/>
              <a:t>Besøg af oplægsholdere fra den virkelige matematiske verden</a:t>
            </a:r>
          </a:p>
        </p:txBody>
      </p:sp>
    </p:spTree>
    <p:extLst>
      <p:ext uri="{BB962C8B-B14F-4D97-AF65-F5344CB8AC3E}">
        <p14:creationId xmlns:p14="http://schemas.microsoft.com/office/powerpoint/2010/main" val="2177640730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5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>
            <a:extLst>
              <a:ext uri="{FF2B5EF4-FFF2-40B4-BE49-F238E27FC236}">
                <a16:creationId xmlns:a16="http://schemas.microsoft.com/office/drawing/2014/main" id="{41E4A168-BCFD-B075-705A-B2623D34B84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591150" y="2073295"/>
            <a:ext cx="6347900" cy="445069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  <a:softEdge rad="63500"/>
          </a:effectLst>
        </p:spPr>
      </p:pic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53E674-67AD-7471-30E1-9F4DE5C60F0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15359" y="912975"/>
            <a:ext cx="10968479" cy="5506010"/>
          </a:xfrm>
        </p:spPr>
        <p:txBody>
          <a:bodyPr/>
          <a:lstStyle/>
          <a:p>
            <a:r>
              <a:rPr lang="da-DK" sz="32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Skemalagt (!) modul hver anden uge i forårssemestret i 2g </a:t>
            </a:r>
          </a:p>
          <a:p>
            <a:pPr lvl="2"/>
            <a:r>
              <a:rPr lang="da-DK" sz="32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da-DK" sz="28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Kræver skolepolitisk prioritering</a:t>
            </a:r>
          </a:p>
          <a:p>
            <a:r>
              <a:rPr lang="da-DK" sz="32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Alle 2g-elever tvangsindlagt til første møde</a:t>
            </a:r>
          </a:p>
          <a:p>
            <a:r>
              <a:rPr lang="da-DK" sz="3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Herefter frivilligt</a:t>
            </a:r>
          </a:p>
          <a:p>
            <a:r>
              <a:rPr lang="da-DK" sz="32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Matematik udover pensum, men ikke svær matematik – kræver kun </a:t>
            </a:r>
            <a:r>
              <a:rPr lang="da-DK" sz="3200" i="1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interesse</a:t>
            </a:r>
          </a:p>
          <a:p>
            <a:r>
              <a:rPr lang="da-DK" sz="3200" i="1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da-DK" sz="3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Emner fra første år på DTU/KU/CBS</a:t>
            </a:r>
          </a:p>
          <a:p>
            <a:r>
              <a:rPr lang="da-DK" sz="3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Teori gennemgået ud fra </a:t>
            </a:r>
            <a:r>
              <a:rPr lang="da-DK" sz="3200" dirty="0" err="1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ppt</a:t>
            </a:r>
            <a:r>
              <a:rPr lang="da-DK" sz="3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, suppleret med regneøvelser </a:t>
            </a:r>
          </a:p>
          <a:p>
            <a:r>
              <a:rPr lang="da-DK" sz="32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da-DK" sz="32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jælpelærer…</a:t>
            </a:r>
          </a:p>
          <a:p>
            <a:r>
              <a:rPr lang="da-DK" sz="32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Leder frem og op til InterMat-dag på DTU: wow!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17D52A-BCDD-8696-D2BE-F25478E10A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976E7763-A50A-1982-A1DE-F8361922E492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InterMat på BG</a:t>
            </a:r>
          </a:p>
        </p:txBody>
      </p:sp>
    </p:spTree>
    <p:extLst>
      <p:ext uri="{BB962C8B-B14F-4D97-AF65-F5344CB8AC3E}">
        <p14:creationId xmlns:p14="http://schemas.microsoft.com/office/powerpoint/2010/main" val="1268865613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5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250"/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25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6" presetID="10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7" dur="75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749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250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25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250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250"/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838090" y="1044837"/>
            <a:ext cx="10514231" cy="1900595"/>
          </a:xfrm>
        </p:spPr>
        <p:txBody>
          <a:bodyPr>
            <a:normAutofit/>
          </a:bodyPr>
          <a:lstStyle/>
          <a:p>
            <a:r>
              <a:rPr lang="da-DK" sz="30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Citronmåne, frugt og kakaomælk hver gang</a:t>
            </a:r>
          </a:p>
          <a:p>
            <a:r>
              <a:rPr lang="da-DK" sz="30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Lektiefrit</a:t>
            </a:r>
          </a:p>
          <a:p>
            <a:r>
              <a:rPr lang="da-DK" sz="30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Diplom for standhaftig deltagelse</a:t>
            </a:r>
            <a:endParaRPr lang="da-DK" sz="3000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552909" y="3097919"/>
            <a:ext cx="5670750" cy="3781003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2" name="Picture 1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56208" y="3097919"/>
            <a:ext cx="2458308" cy="3781003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4" name="Picture 3"/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3136" r="176"/>
          <a:stretch/>
        </p:blipFill>
        <p:spPr>
          <a:xfrm>
            <a:off x="-22164" y="3097918"/>
            <a:ext cx="3851062" cy="3766381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9" name="Titel 1">
            <a:extLst>
              <a:ext uri="{FF2B5EF4-FFF2-40B4-BE49-F238E27FC236}">
                <a16:creationId xmlns:a16="http://schemas.microsoft.com/office/drawing/2014/main" id="{A7DBBDAD-7A48-1B66-7EDF-57AB94400440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InterMat på BG</a:t>
            </a:r>
          </a:p>
        </p:txBody>
      </p:sp>
    </p:spTree>
    <p:extLst>
      <p:ext uri="{BB962C8B-B14F-4D97-AF65-F5344CB8AC3E}">
        <p14:creationId xmlns:p14="http://schemas.microsoft.com/office/powerpoint/2010/main" val="640233118"/>
      </p:ext>
    </p:extLst>
  </p:cSld>
  <p:clrMapOvr>
    <a:masterClrMapping/>
  </p:clrMapOvr>
  <p:transition>
    <p:fade/>
  </p:transition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53E674-67AD-7471-30E1-9F4DE5C60F0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15359" y="1035190"/>
            <a:ext cx="10968479" cy="5506010"/>
          </a:xfrm>
        </p:spPr>
        <p:txBody>
          <a:bodyPr/>
          <a:lstStyle/>
          <a:p>
            <a:pPr marL="0" indent="0">
              <a:buNone/>
            </a:pPr>
            <a:r>
              <a:rPr lang="da-DK" sz="3200" b="1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agligt indhold: </a:t>
            </a:r>
          </a:p>
          <a:p>
            <a:pPr marL="0" indent="0">
              <a:buNone/>
            </a:pPr>
            <a:r>
              <a:rPr lang="da-DK" sz="3200" b="1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Forår: stof der optræder på 1. år på DTU / KU / CBS</a:t>
            </a:r>
          </a:p>
          <a:p>
            <a:pPr marL="514350" indent="-514350">
              <a:buFont typeface="+mj-lt"/>
              <a:buAutoNum type="arabicPeriod"/>
            </a:pPr>
            <a:r>
              <a:rPr lang="da-DK" sz="3200" dirty="0">
                <a:latin typeface="Calibri" panose="020F0502020204030204" pitchFamily="34" charset="0"/>
              </a:rPr>
              <a:t>Matrixregning, lineære ligningssystemer, lineære afbildninger, egenværdier og -vektorer</a:t>
            </a:r>
          </a:p>
          <a:p>
            <a:pPr marL="514350" indent="-514350">
              <a:buFont typeface="+mj-lt"/>
              <a:buAutoNum type="arabicPeriod"/>
            </a:pPr>
            <a:r>
              <a:rPr lang="da-DK" sz="3200" dirty="0">
                <a:latin typeface="Calibri" panose="020F0502020204030204" pitchFamily="34" charset="0"/>
              </a:rPr>
              <a:t>Funktioner af flere variable</a:t>
            </a:r>
          </a:p>
          <a:p>
            <a:pPr marL="514350" indent="-514350">
              <a:buFont typeface="+mj-lt"/>
              <a:buAutoNum type="arabicPeriod"/>
            </a:pPr>
            <a:r>
              <a:rPr lang="da-DK" sz="3200" dirty="0">
                <a:latin typeface="Calibri" panose="020F0502020204030204" pitchFamily="34" charset="0"/>
              </a:rPr>
              <a:t>Taylorpolynomier i en og to variable</a:t>
            </a:r>
          </a:p>
          <a:p>
            <a:pPr marL="0" indent="0">
              <a:buNone/>
            </a:pPr>
            <a:endParaRPr lang="da-DK" sz="3200" dirty="0">
              <a:latin typeface="Calibri" panose="020F0502020204030204" pitchFamily="34" charset="0"/>
            </a:endParaRPr>
          </a:p>
          <a:p>
            <a:pPr marL="0" indent="0">
              <a:buNone/>
            </a:pPr>
            <a:r>
              <a:rPr lang="da-DK" sz="3200" b="1" dirty="0">
                <a:latin typeface="Calibri" panose="020F0502020204030204" pitchFamily="34" charset="0"/>
              </a:rPr>
              <a:t>Efterår</a:t>
            </a:r>
            <a:r>
              <a:rPr lang="da-DK" sz="3200" dirty="0">
                <a:latin typeface="Calibri" panose="020F0502020204030204" pitchFamily="34" charset="0"/>
              </a:rPr>
              <a:t>: projekter tager afsæt i ovenstående</a:t>
            </a:r>
          </a:p>
          <a:p>
            <a:pPr marL="0" indent="0">
              <a:buNone/>
            </a:pPr>
            <a:r>
              <a:rPr lang="da-DK" sz="32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(fx differentialligningssystemer)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17D52A-BCDD-8696-D2BE-F25478E10A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976E7763-A50A-1982-A1DE-F8361922E492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InterMat på BG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80F67775-FC89-4303-485D-E962B5AA6DAC}"/>
              </a:ext>
            </a:extLst>
          </p:cNvPr>
          <p:cNvSpPr/>
          <p:nvPr/>
        </p:nvSpPr>
        <p:spPr bwMode="auto">
          <a:xfrm rot="481487">
            <a:off x="8775798" y="3117608"/>
            <a:ext cx="2891516" cy="1872208"/>
          </a:xfrm>
          <a:prstGeom prst="rect">
            <a:avLst/>
          </a:prstGeom>
          <a:solidFill>
            <a:schemeClr val="bg1">
              <a:lumMod val="85000"/>
            </a:schemeClr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algn="ctr">
              <a:spcBef>
                <a:spcPts val="432"/>
              </a:spcBef>
            </a:pPr>
            <a:endParaRPr lang="da-DK" sz="2800" dirty="0">
              <a:solidFill>
                <a:schemeClr val="accent2">
                  <a:lumMod val="75000"/>
                </a:schemeClr>
              </a:solidFill>
              <a:latin typeface="Calibri" panose="020F0502020204030204" pitchFamily="34" charset="0"/>
            </a:endParaRPr>
          </a:p>
          <a:p>
            <a:pPr algn="ctr">
              <a:spcBef>
                <a:spcPts val="432"/>
              </a:spcBef>
            </a:pPr>
            <a:r>
              <a:rPr lang="da-DK" sz="2800" dirty="0">
                <a:solidFill>
                  <a:schemeClr val="accent2">
                    <a:lumMod val="75000"/>
                  </a:schemeClr>
                </a:solidFill>
                <a:latin typeface="Calibri" panose="020F0502020204030204" pitchFamily="34" charset="0"/>
              </a:rPr>
              <a:t>You know what you want, </a:t>
            </a:r>
          </a:p>
          <a:p>
            <a:pPr algn="ctr">
              <a:spcBef>
                <a:spcPts val="432"/>
              </a:spcBef>
            </a:pPr>
            <a:r>
              <a:rPr lang="da-DK" sz="2800" dirty="0">
                <a:solidFill>
                  <a:schemeClr val="accent2">
                    <a:lumMod val="75000"/>
                  </a:schemeClr>
                </a:solidFill>
                <a:latin typeface="Calibri" panose="020F0502020204030204" pitchFamily="34" charset="0"/>
              </a:rPr>
              <a:t>I know what you need…</a:t>
            </a:r>
          </a:p>
          <a:p>
            <a:pPr algn="ctr">
              <a:spcBef>
                <a:spcPts val="432"/>
              </a:spcBef>
            </a:pPr>
            <a:endParaRPr lang="da-DK" sz="2800" dirty="0">
              <a:solidFill>
                <a:schemeClr val="accent2">
                  <a:lumMod val="75000"/>
                </a:schemeClr>
              </a:solidFill>
              <a:latin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275539580"/>
      </p:ext>
    </p:extLst>
  </p:cSld>
  <p:clrMapOvr>
    <a:masterClrMapping/>
  </p:clrMapOvr>
  <p:transition>
    <p:fade/>
  </p:transition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853E674-67AD-7471-30E1-9F4DE5C60F0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15359" y="1035190"/>
            <a:ext cx="11328519" cy="5506010"/>
          </a:xfrm>
        </p:spPr>
        <p:txBody>
          <a:bodyPr/>
          <a:lstStyle/>
          <a:p>
            <a:pPr marL="0" indent="0">
              <a:buNone/>
            </a:pPr>
            <a:r>
              <a:rPr lang="da-DK" sz="31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De første mange år gik det godt…</a:t>
            </a:r>
          </a:p>
          <a:p>
            <a:r>
              <a:rPr lang="da-DK" sz="3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70 ud af 120 mulige fulgte hele forårssemesteret. </a:t>
            </a:r>
          </a:p>
          <a:p>
            <a:r>
              <a:rPr lang="da-DK" sz="31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20 fortsatte om efteråret i 3g</a:t>
            </a:r>
          </a:p>
          <a:p>
            <a:r>
              <a:rPr lang="da-DK" sz="3100" dirty="0"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(meget få valgte dog at skrive SRP)</a:t>
            </a:r>
          </a:p>
          <a:p>
            <a:pPr marL="0" indent="0">
              <a:buNone/>
            </a:pPr>
            <a:r>
              <a:rPr lang="da-DK" sz="3100" dirty="0">
                <a:solidFill>
                  <a:schemeClr val="accent2">
                    <a:lumMod val="50000"/>
                  </a:schemeClr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Men nu kniber det…</a:t>
            </a:r>
          </a:p>
          <a:p>
            <a:r>
              <a:rPr lang="da-DK" sz="3100" dirty="0">
                <a:solidFill>
                  <a:schemeClr val="accent2">
                    <a:lumMod val="50000"/>
                  </a:schemeClr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InterMat kan (?) ikke skemalægges samlet og i skoletiden (5 A-fag)</a:t>
            </a:r>
          </a:p>
          <a:p>
            <a:r>
              <a:rPr lang="da-DK" sz="3100" dirty="0">
                <a:solidFill>
                  <a:schemeClr val="accent2">
                    <a:lumMod val="50000"/>
                  </a:schemeClr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Vi har måttet dele i to separate hold</a:t>
            </a:r>
          </a:p>
          <a:p>
            <a:r>
              <a:rPr lang="da-DK" sz="3100" dirty="0">
                <a:solidFill>
                  <a:schemeClr val="accent2">
                    <a:lumMod val="50000"/>
                  </a:schemeClr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Femte modul </a:t>
            </a:r>
            <a:r>
              <a:rPr lang="da-DK" sz="3100" dirty="0">
                <a:solidFill>
                  <a:schemeClr val="accent2">
                    <a:lumMod val="50000"/>
                  </a:schemeClr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</a:t>
            </a:r>
          </a:p>
          <a:p>
            <a:r>
              <a:rPr lang="da-DK" sz="3100" dirty="0">
                <a:solidFill>
                  <a:schemeClr val="accent2">
                    <a:lumMod val="50000"/>
                  </a:schemeClr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  <a:sym typeface="Wingdings" panose="05000000000000000000" pitchFamily="2" charset="2"/>
              </a:rPr>
              <a:t> </a:t>
            </a:r>
            <a:r>
              <a:rPr lang="da-DK" sz="3100" dirty="0">
                <a:solidFill>
                  <a:schemeClr val="accent2">
                    <a:lumMod val="50000"/>
                  </a:schemeClr>
                </a:solidFill>
                <a:latin typeface="Calibri" panose="020F050202020403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130-timers puljen: nogle elever kommer kun for ”at få timer” – Vi er blevet et blandt mange (tilsyneladende ligeværdige) tilbu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17D52A-BCDD-8696-D2BE-F25478E10A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4" name="Titel 1">
            <a:extLst>
              <a:ext uri="{FF2B5EF4-FFF2-40B4-BE49-F238E27FC236}">
                <a16:creationId xmlns:a16="http://schemas.microsoft.com/office/drawing/2014/main" id="{976E7763-A50A-1982-A1DE-F8361922E492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InterMat på BG</a:t>
            </a:r>
          </a:p>
        </p:txBody>
      </p:sp>
    </p:spTree>
    <p:extLst>
      <p:ext uri="{BB962C8B-B14F-4D97-AF65-F5344CB8AC3E}">
        <p14:creationId xmlns:p14="http://schemas.microsoft.com/office/powerpoint/2010/main" val="533266086"/>
      </p:ext>
    </p:extLst>
  </p:cSld>
  <p:clrMapOvr>
    <a:masterClrMapping/>
  </p:clrMapOvr>
  <p:transition>
    <p:fade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25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250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25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250"/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250"/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F2D96B-740F-B363-F049-7B9D428AC3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6A29E3FD-FB8E-7059-4103-4C89E0AD439A}"/>
              </a:ext>
            </a:extLst>
          </p:cNvPr>
          <p:cNvSpPr txBox="1">
            <a:spLocks/>
          </p:cNvSpPr>
          <p:nvPr/>
        </p:nvSpPr>
        <p:spPr bwMode="auto">
          <a:xfrm>
            <a:off x="815359" y="228927"/>
            <a:ext cx="11040487" cy="648072"/>
          </a:xfrm>
          <a:prstGeom prst="rect">
            <a:avLst/>
          </a:prstGeom>
          <a:solidFill>
            <a:schemeClr val="accent5">
              <a:lumMod val="40000"/>
              <a:lumOff val="60000"/>
            </a:schemeClr>
          </a:solidFill>
          <a:ln>
            <a:solidFill>
              <a:schemeClr val="accent1"/>
            </a:solidFill>
          </a:ln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500" kern="0" dirty="0"/>
              <a:t>Forskellige modeller</a:t>
            </a: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90FE8B3C-4AD1-A69F-CB2B-D833D67E015A}"/>
              </a:ext>
            </a:extLst>
          </p:cNvPr>
          <p:cNvSpPr txBox="1">
            <a:spLocks/>
          </p:cNvSpPr>
          <p:nvPr/>
        </p:nvSpPr>
        <p:spPr bwMode="auto">
          <a:xfrm>
            <a:off x="815359" y="981888"/>
            <a:ext cx="10968479" cy="550601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>
              <a:buNone/>
            </a:pPr>
            <a:r>
              <a:rPr lang="da-DK" sz="3200" b="1" dirty="0"/>
              <a:t>Espergærde: </a:t>
            </a:r>
          </a:p>
          <a:p>
            <a:r>
              <a:rPr lang="da-DK" sz="3200" dirty="0"/>
              <a:t> Rullende skema, elever tages ud af andre fags timer</a:t>
            </a:r>
          </a:p>
          <a:p>
            <a:pPr marL="0" indent="0">
              <a:buNone/>
            </a:pPr>
            <a:r>
              <a:rPr lang="da-DK" sz="3200" b="1" dirty="0"/>
              <a:t>Gefion:</a:t>
            </a:r>
            <a:r>
              <a:rPr lang="da-DK" sz="3200" dirty="0"/>
              <a:t> </a:t>
            </a:r>
          </a:p>
          <a:p>
            <a:r>
              <a:rPr lang="da-DK" sz="3200" dirty="0"/>
              <a:t> Pizza-aftner</a:t>
            </a:r>
          </a:p>
          <a:p>
            <a:pPr marL="0" indent="0">
              <a:buNone/>
            </a:pPr>
            <a:r>
              <a:rPr lang="da-DK" sz="3200" b="1" dirty="0" err="1">
                <a:latin typeface="+mn-lt"/>
              </a:rPr>
              <a:t>Falkonér</a:t>
            </a:r>
            <a:r>
              <a:rPr lang="da-DK" sz="3200" b="1" dirty="0">
                <a:latin typeface="+mn-lt"/>
              </a:rPr>
              <a:t>:</a:t>
            </a:r>
          </a:p>
          <a:p>
            <a:r>
              <a:rPr lang="da-DK" sz="3200" dirty="0">
                <a:latin typeface="+mn-lt"/>
              </a:rPr>
              <a:t> 5 </a:t>
            </a:r>
            <a:r>
              <a:rPr lang="da-DK" sz="3200" dirty="0" err="1">
                <a:latin typeface="+mn-lt"/>
              </a:rPr>
              <a:t>stk</a:t>
            </a:r>
            <a:r>
              <a:rPr lang="da-DK" sz="3200" dirty="0">
                <a:latin typeface="+mn-lt"/>
              </a:rPr>
              <a:t> niveaudelte dobbelttimer hvor nogle laver InterMat, mens andre har anden træning/repetition</a:t>
            </a:r>
          </a:p>
          <a:p>
            <a:pPr marL="0" indent="0">
              <a:buNone/>
            </a:pPr>
            <a:r>
              <a:rPr lang="da-DK" sz="3200" b="1" dirty="0"/>
              <a:t>Gladsaxe: </a:t>
            </a:r>
          </a:p>
          <a:p>
            <a:r>
              <a:rPr lang="da-DK" sz="3200" dirty="0"/>
              <a:t>InterMat for alle i klassen (</a:t>
            </a:r>
            <a:r>
              <a:rPr lang="da-DK" sz="3200" dirty="0" err="1"/>
              <a:t>MatSamf</a:t>
            </a:r>
            <a:r>
              <a:rPr lang="da-DK" sz="3200" dirty="0"/>
              <a:t>) med klassens egen lærer – ikke stof ud over pensum</a:t>
            </a:r>
          </a:p>
        </p:txBody>
      </p:sp>
    </p:spTree>
    <p:extLst>
      <p:ext uri="{BB962C8B-B14F-4D97-AF65-F5344CB8AC3E}">
        <p14:creationId xmlns:p14="http://schemas.microsoft.com/office/powerpoint/2010/main" val="1134575943"/>
      </p:ext>
    </p:extLst>
  </p:cSld>
  <p:clrMapOvr>
    <a:masterClrMapping/>
  </p:clrMapOvr>
  <p:transition>
    <p:fade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1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8660AB89-308F-4A34-B01B-CC1A9333F1B1}">
  <ds:schemaRefs/>
</ds:datastoreItem>
</file>

<file path=customXml/itemProps10.xml><?xml version="1.0" encoding="utf-8"?>
<ds:datastoreItem xmlns:ds="http://schemas.openxmlformats.org/officeDocument/2006/customXml" ds:itemID="{BF4B288E-5F11-4035-8EBC-8DCB06A30099}">
  <ds:schemaRefs/>
</ds:datastoreItem>
</file>

<file path=customXml/itemProps11.xml><?xml version="1.0" encoding="utf-8"?>
<ds:datastoreItem xmlns:ds="http://schemas.openxmlformats.org/officeDocument/2006/customXml" ds:itemID="{2D2C9C1D-BC12-493D-9257-7FF204AF5425}">
  <ds:schemaRefs/>
</ds:datastoreItem>
</file>

<file path=customXml/itemProps12.xml><?xml version="1.0" encoding="utf-8"?>
<ds:datastoreItem xmlns:ds="http://schemas.openxmlformats.org/officeDocument/2006/customXml" ds:itemID="{7C1B72F8-F35E-49BB-BCAB-45E63D7768A5}">
  <ds:schemaRefs/>
</ds:datastoreItem>
</file>

<file path=customXml/itemProps13.xml><?xml version="1.0" encoding="utf-8"?>
<ds:datastoreItem xmlns:ds="http://schemas.openxmlformats.org/officeDocument/2006/customXml" ds:itemID="{05DC2B94-7C1B-4C14-83B0-9CD2A82C27E0}">
  <ds:schemaRefs/>
</ds:datastoreItem>
</file>

<file path=customXml/itemProps14.xml><?xml version="1.0" encoding="utf-8"?>
<ds:datastoreItem xmlns:ds="http://schemas.openxmlformats.org/officeDocument/2006/customXml" ds:itemID="{11FAAC39-0A3A-4CC2-A9C1-60940B78AE17}">
  <ds:schemaRefs/>
</ds:datastoreItem>
</file>

<file path=customXml/itemProps15.xml><?xml version="1.0" encoding="utf-8"?>
<ds:datastoreItem xmlns:ds="http://schemas.openxmlformats.org/officeDocument/2006/customXml" ds:itemID="{56C8BFB2-A911-4310-9D4A-421D773FAFA6}">
  <ds:schemaRefs/>
</ds:datastoreItem>
</file>

<file path=customXml/itemProps16.xml><?xml version="1.0" encoding="utf-8"?>
<ds:datastoreItem xmlns:ds="http://schemas.openxmlformats.org/officeDocument/2006/customXml" ds:itemID="{61DFA250-E12D-4AFB-A013-D1475A60EF47}">
  <ds:schemaRefs/>
</ds:datastoreItem>
</file>

<file path=customXml/itemProps17.xml><?xml version="1.0" encoding="utf-8"?>
<ds:datastoreItem xmlns:ds="http://schemas.openxmlformats.org/officeDocument/2006/customXml" ds:itemID="{0332587B-5722-4E49-9A0E-2FB4FDB3EDF2}">
  <ds:schemaRefs/>
</ds:datastoreItem>
</file>

<file path=customXml/itemProps18.xml><?xml version="1.0" encoding="utf-8"?>
<ds:datastoreItem xmlns:ds="http://schemas.openxmlformats.org/officeDocument/2006/customXml" ds:itemID="{1637289F-FF40-416B-B2B9-19DB49759FC8}">
  <ds:schemaRefs/>
</ds:datastoreItem>
</file>

<file path=customXml/itemProps2.xml><?xml version="1.0" encoding="utf-8"?>
<ds:datastoreItem xmlns:ds="http://schemas.openxmlformats.org/officeDocument/2006/customXml" ds:itemID="{C8786084-4A9D-4496-973F-AA45587FD802}">
  <ds:schemaRefs/>
</ds:datastoreItem>
</file>

<file path=customXml/itemProps3.xml><?xml version="1.0" encoding="utf-8"?>
<ds:datastoreItem xmlns:ds="http://schemas.openxmlformats.org/officeDocument/2006/customXml" ds:itemID="{ED00AD7A-AE13-487B-9687-AC385F272BE9}">
  <ds:schemaRefs/>
</ds:datastoreItem>
</file>

<file path=customXml/itemProps4.xml><?xml version="1.0" encoding="utf-8"?>
<ds:datastoreItem xmlns:ds="http://schemas.openxmlformats.org/officeDocument/2006/customXml" ds:itemID="{7C4A9AE9-7042-4D0E-B657-26E29B82F9D9}">
  <ds:schemaRefs/>
</ds:datastoreItem>
</file>

<file path=customXml/itemProps5.xml><?xml version="1.0" encoding="utf-8"?>
<ds:datastoreItem xmlns:ds="http://schemas.openxmlformats.org/officeDocument/2006/customXml" ds:itemID="{C7537455-2786-4C91-A035-9E4048770A73}">
  <ds:schemaRefs/>
</ds:datastoreItem>
</file>

<file path=customXml/itemProps6.xml><?xml version="1.0" encoding="utf-8"?>
<ds:datastoreItem xmlns:ds="http://schemas.openxmlformats.org/officeDocument/2006/customXml" ds:itemID="{F1874ADA-A6D5-426B-9910-4C8F0AECB04D}">
  <ds:schemaRefs/>
</ds:datastoreItem>
</file>

<file path=customXml/itemProps7.xml><?xml version="1.0" encoding="utf-8"?>
<ds:datastoreItem xmlns:ds="http://schemas.openxmlformats.org/officeDocument/2006/customXml" ds:itemID="{1334258C-C3E7-4029-A615-C886A240FB15}">
  <ds:schemaRefs/>
</ds:datastoreItem>
</file>

<file path=customXml/itemProps8.xml><?xml version="1.0" encoding="utf-8"?>
<ds:datastoreItem xmlns:ds="http://schemas.openxmlformats.org/officeDocument/2006/customXml" ds:itemID="{E5957E33-0059-46CE-AE7B-582F67E40B53}">
  <ds:schemaRefs/>
</ds:datastoreItem>
</file>

<file path=customXml/itemProps9.xml><?xml version="1.0" encoding="utf-8"?>
<ds:datastoreItem xmlns:ds="http://schemas.openxmlformats.org/officeDocument/2006/customXml" ds:itemID="{C7DF466F-076B-4D4A-83CE-5CE1227FBEA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693</TotalTime>
  <Words>599</Words>
  <Application>Microsoft Office PowerPoint</Application>
  <PresentationFormat>Custom</PresentationFormat>
  <Paragraphs>89</Paragraphs>
  <Slides>10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0</vt:i4>
      </vt:variant>
    </vt:vector>
  </HeadingPairs>
  <TitlesOfParts>
    <vt:vector size="14" baseType="lpstr">
      <vt:lpstr>Arial</vt:lpstr>
      <vt:lpstr>Calibri</vt:lpstr>
      <vt:lpstr>Verdana</vt:lpstr>
      <vt:lpstr>Blank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arsten Schmidt</dc:creator>
  <cp:lastModifiedBy>Andreas Obel-Jørgensen</cp:lastModifiedBy>
  <cp:revision>80</cp:revision>
  <cp:lastPrinted>2022-10-26T07:36:43Z</cp:lastPrinted>
  <dcterms:created xsi:type="dcterms:W3CDTF">2019-08-26T10:38:28Z</dcterms:created>
  <dcterms:modified xsi:type="dcterms:W3CDTF">2024-08-27T11:24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